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6"/>
  </p:notesMasterIdLst>
  <p:sldIdLst>
    <p:sldId id="343" r:id="rId2"/>
    <p:sldId id="348" r:id="rId3"/>
    <p:sldId id="352" r:id="rId4"/>
    <p:sldId id="351" r:id="rId5"/>
  </p:sldIdLst>
  <p:sldSz cx="12192000" cy="6858000"/>
  <p:notesSz cx="6858000" cy="9144000"/>
  <p:custDataLst>
    <p:tags r:id="rId7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0886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hyperlink" Target="javascript:window.open('/next_lesson/18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203208" y="1823112"/>
            <a:ext cx="7891479" cy="1262528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mpact of Misconduct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308139" y="3085640"/>
            <a:ext cx="6979357" cy="561112"/>
          </a:xfrm>
          <a:prstGeom prst="rect">
            <a:avLst/>
          </a:prstGeom>
        </p:spPr>
        <p:txBody>
          <a:bodyPr anchor="b">
            <a:normAutofit fontScale="925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is the impact of these misconducts?</a:t>
            </a: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56183" y="558078"/>
            <a:ext cx="3646204" cy="111417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606886" y="1648919"/>
            <a:ext cx="3964355" cy="253418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at is the impact on: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dividual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amily and friends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mmunity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Organization</a:t>
            </a:r>
          </a:p>
        </p:txBody>
      </p:sp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C76773A-DB2E-49EF-C65F-96FDBAD0E1F9}"/>
              </a:ext>
            </a:extLst>
          </p:cNvPr>
          <p:cNvSpPr/>
          <p:nvPr/>
        </p:nvSpPr>
        <p:spPr>
          <a:xfrm>
            <a:off x="606886" y="4675008"/>
            <a:ext cx="424566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rt Game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56183" y="558078"/>
            <a:ext cx="3646204" cy="111417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56183" y="558078"/>
            <a:ext cx="3646204" cy="11141744"/>
          </a:xfrm>
          <a:prstGeom prst="rect">
            <a:avLst/>
          </a:prstGeom>
        </p:spPr>
      </p:pic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7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6300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56183" y="558078"/>
            <a:ext cx="3646204" cy="111417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_ULTRA_SCORM_COURCE_TITLE" val="impact_misconduct"/>
  <p:tag name="ISPRING_PRESENTATION_TITLE" val="impact_misconduct"/>
  <p:tag name="ISPRING_RESOURCE_FOLDER" val="C:\Users\hp\Desktop\Projects\Nabad\Nabad\psea\en\lessons\impact_misconduct"/>
  <p:tag name="ISPRING_PRESENTATION_PATH" val="C:\Users\hp\Desktop\Projects\Nabad\Nabad\psea\en\lessons\impact_misconduct.pptx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psea\en\lessons\impact_misconduct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RELATIVE_PATH" val="impact_misconduct\quiz\quiz2.quiz"/>
  <p:tag name="GENSWF_SLIDE_UID" val="{17671440-36C3-4252-A5C6-AFF69149A719}:352"/>
  <p:tag name="ISPRING_QUIZ_FULL_PATH" val="C:\Users\hp\Desktop\Projects\Nabad\Nabad\psea\en\lessons\impact_misconduct\quiz\quiz2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782</TotalTime>
  <Words>41</Words>
  <Application>Microsoft Office PowerPoint</Application>
  <PresentationFormat>Widescreen</PresentationFormat>
  <Paragraphs>15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1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mpact_misconduct</dc:title>
  <dc:creator>pc</dc:creator>
  <cp:lastModifiedBy>Maher</cp:lastModifiedBy>
  <cp:revision>804</cp:revision>
  <dcterms:created xsi:type="dcterms:W3CDTF">2022-11-16T16:05:09Z</dcterms:created>
  <dcterms:modified xsi:type="dcterms:W3CDTF">2024-09-23T12:48:58Z</dcterms:modified>
</cp:coreProperties>
</file>